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5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C7363FC-4244-4BA4-BEBF-4D2A75464102}" v="2" dt="2026-06-22T13:26:54.480"/>
    <p1510:client id="{808EDD25-54D1-462A-9DD2-5B1FCDFBE3EA}" v="4" dt="2026-06-22T12:49:24.77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74" d="100"/>
          <a:sy n="74" d="100"/>
        </p:scale>
        <p:origin x="376" y="5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2/06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6/2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6DC9D9A-686B-0E4D-02D5-AF30A608117A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ighc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Placeholder 9">
            <a:extLst>
              <a:ext uri="{FF2B5EF4-FFF2-40B4-BE49-F238E27FC236}">
                <a16:creationId xmlns:a16="http://schemas.microsoft.com/office/drawing/2014/main" id="{F04AC704-34F8-7F6C-B457-25EDFE17D15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" y="1"/>
            <a:ext cx="12191995" cy="68579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</a:t>
            </a:r>
            <a:r>
              <a:rPr lang="en-US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GHC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GHC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</a:rPr>
              <a:t>! 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6789" y="3683596"/>
            <a:ext cx="4858419" cy="27322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B4A4BD2-45E4-FB41-0A32-9833D9838C1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9">
            <a:extLst>
              <a:ext uri="{FF2B5EF4-FFF2-40B4-BE49-F238E27FC236}">
                <a16:creationId xmlns:a16="http://schemas.microsoft.com/office/drawing/2014/main" id="{F096E4CE-4733-334E-E24A-22C42367E73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1" r="11"/>
          <a:stretch/>
        </p:blipFill>
        <p:spPr>
          <a:xfrm>
            <a:off x="-1409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56DFA255-5831-2C35-BA36-9A6C64CF9AE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AD2ED7F1-32EF-3BC5-D7E6-98EC016C4F99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D96C1D5-7BC5-DB5B-D78F-B2A96015EC5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70896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9">
            <a:extLst>
              <a:ext uri="{FF2B5EF4-FFF2-40B4-BE49-F238E27FC236}">
                <a16:creationId xmlns:a16="http://schemas.microsoft.com/office/drawing/2014/main" id="{9FFBC721-4C64-3D1C-2923-22E021009C1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" y="1"/>
            <a:ext cx="12191995" cy="68579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20" ma:contentTypeDescription="Create a new document." ma:contentTypeScope="" ma:versionID="1accb232203815ec3040efc51cba9a2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f47486965727e27118c92c38a2790d79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34183C6-7270-4AC2-9CD2-45B68A49FD3D}">
  <ds:schemaRefs>
    <ds:schemaRef ds:uri="http://schemas.microsoft.com/office/2006/metadata/properties"/>
    <ds:schemaRef ds:uri="http://schemas.microsoft.com/office/infopath/2007/PartnerControls"/>
    <ds:schemaRef ds:uri="http://schemas.microsoft.com/office/2006/documentManagement/types"/>
    <ds:schemaRef ds:uri="http://schemas.openxmlformats.org/package/2006/metadata/core-properties"/>
    <ds:schemaRef ds:uri="http://purl.org/dc/elements/1.1/"/>
    <ds:schemaRef ds:uri="da655568-1247-43c7-b5ce-0d71de2fb494"/>
    <ds:schemaRef ds:uri="86e16ca4-215f-4354-b2b5-4fac53992da1"/>
    <ds:schemaRef ds:uri="http://www.w3.org/XML/1998/namespace"/>
    <ds:schemaRef ds:uri="4ffaaae9-dc8c-459f-a92e-1529c78bcbdb"/>
    <ds:schemaRef ds:uri="http://purl.org/dc/dcmitype/"/>
    <ds:schemaRef ds:uri="http://purl.org/dc/terms/"/>
  </ds:schemaRefs>
</ds:datastoreItem>
</file>

<file path=customXml/itemProps2.xml><?xml version="1.0" encoding="utf-8"?>
<ds:datastoreItem xmlns:ds="http://schemas.openxmlformats.org/officeDocument/2006/customXml" ds:itemID="{F6563A86-5869-46F8-A9FA-F637D8115D0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Ramya Sreenivasan</cp:lastModifiedBy>
  <cp:revision>3</cp:revision>
  <dcterms:created xsi:type="dcterms:W3CDTF">2023-06-13T12:34:15Z</dcterms:created>
  <dcterms:modified xsi:type="dcterms:W3CDTF">2026-06-22T13:26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